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</workbook>
</file>

<file path=xl/calcChain.xml><?xml version="1.0" encoding="utf-8"?>
<calcChain xmlns="http://schemas.openxmlformats.org/spreadsheetml/2006/main">
  <c r="K35" i="52" l="1"/>
  <c r="J35" i="52"/>
  <c r="K33" i="52"/>
  <c r="J33" i="52"/>
</calcChain>
</file>

<file path=xl/sharedStrings.xml><?xml version="1.0" encoding="utf-8"?>
<sst xmlns="http://schemas.openxmlformats.org/spreadsheetml/2006/main" count="51" uniqueCount="43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  <rPh sb="0" eb="2">
      <t>イッパン</t>
    </rPh>
    <phoneticPr fontId="29"/>
  </si>
  <si>
    <t>建設局</t>
    <rPh sb="0" eb="2">
      <t>ケンセツ</t>
    </rPh>
    <rPh sb="2" eb="3">
      <t>キョク</t>
    </rPh>
    <phoneticPr fontId="29"/>
  </si>
  <si>
    <t>天王寺動物公園管理運営事業</t>
    <rPh sb="0" eb="3">
      <t>テンノウジ</t>
    </rPh>
    <rPh sb="3" eb="5">
      <t>ドウブツ</t>
    </rPh>
    <rPh sb="5" eb="7">
      <t>コウエン</t>
    </rPh>
    <rPh sb="7" eb="9">
      <t>カンリ</t>
    </rPh>
    <rPh sb="9" eb="11">
      <t>ウンエイ</t>
    </rPh>
    <rPh sb="11" eb="13">
      <t>ジギョウ</t>
    </rPh>
    <phoneticPr fontId="29"/>
  </si>
  <si>
    <t>該当事項はありません。</t>
    <rPh sb="0" eb="2">
      <t>ガイトウ</t>
    </rPh>
    <rPh sb="2" eb="4">
      <t>ジコウ</t>
    </rPh>
    <phoneticPr fontId="29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0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176" fontId="26" fillId="0" borderId="21" xfId="46" applyNumberFormat="1" applyFont="1" applyBorder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0" fillId="0" borderId="0" xfId="55" applyFont="1" applyFill="1" applyAlignment="1">
      <alignment horizontal="left"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5" fillId="0" borderId="0" xfId="58" applyFont="1" applyBorder="1">
      <alignment vertical="center"/>
    </xf>
    <xf numFmtId="0" fontId="35" fillId="0" borderId="0" xfId="58" applyFont="1" applyBorder="1" applyAlignment="1">
      <alignment vertical="center" wrapText="1"/>
    </xf>
    <xf numFmtId="0" fontId="35" fillId="0" borderId="0" xfId="58" applyFont="1" applyBorder="1" applyAlignment="1">
      <alignment vertical="top" wrapText="1"/>
    </xf>
    <xf numFmtId="0" fontId="35" fillId="0" borderId="0" xfId="58" applyFont="1" applyBorder="1" applyAlignment="1">
      <alignment horizontal="left" vertical="top" wrapText="1"/>
    </xf>
    <xf numFmtId="0" fontId="38" fillId="0" borderId="0" xfId="46" applyFont="1" applyFill="1">
      <alignment vertical="center"/>
    </xf>
    <xf numFmtId="0" fontId="39" fillId="0" borderId="0" xfId="55" applyFont="1" applyFill="1" applyAlignment="1">
      <alignment horizontal="left" vertical="center"/>
    </xf>
    <xf numFmtId="0" fontId="35" fillId="0" borderId="0" xfId="58" applyFont="1" applyBorder="1" applyAlignment="1">
      <alignment horizontal="left" vertical="top" wrapText="1"/>
    </xf>
    <xf numFmtId="0" fontId="37" fillId="0" borderId="0" xfId="58" applyFont="1" applyAlignment="1">
      <alignment horizontal="center" vertical="center"/>
    </xf>
    <xf numFmtId="0" fontId="35" fillId="0" borderId="0" xfId="58" applyFont="1" applyBorder="1" applyAlignment="1">
      <alignment horizontal="left" vertical="top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J5" sqref="J5"/>
    </sheetView>
  </sheetViews>
  <sheetFormatPr defaultRowHeight="13.5" x14ac:dyDescent="0.15"/>
  <cols>
    <col min="1" max="1" width="4" style="16" customWidth="1"/>
    <col min="2" max="2" width="54.125" style="15" customWidth="1"/>
    <col min="3" max="3" width="60.5" style="15" customWidth="1"/>
    <col min="4" max="4" width="52.75" style="15" customWidth="1"/>
    <col min="5" max="16384" width="9" style="15"/>
  </cols>
  <sheetData>
    <row r="1" spans="1:4" s="25" customFormat="1" ht="22.5" customHeight="1" x14ac:dyDescent="0.15">
      <c r="B1" s="26" t="s">
        <v>38</v>
      </c>
    </row>
    <row r="2" spans="1:4" s="25" customFormat="1" ht="22.5" customHeight="1" x14ac:dyDescent="0.15">
      <c r="B2" s="26" t="s">
        <v>39</v>
      </c>
    </row>
    <row r="3" spans="1:4" s="25" customFormat="1" ht="22.5" customHeight="1" x14ac:dyDescent="0.15">
      <c r="B3" s="26" t="s">
        <v>40</v>
      </c>
    </row>
    <row r="4" spans="1:4" ht="122.25" customHeight="1" x14ac:dyDescent="0.15">
      <c r="A4" s="28" t="s">
        <v>42</v>
      </c>
      <c r="B4" s="28"/>
      <c r="C4" s="28"/>
      <c r="D4" s="28"/>
    </row>
    <row r="5" spans="1:4" s="19" customFormat="1" ht="36" customHeight="1" x14ac:dyDescent="0.15">
      <c r="A5" s="20"/>
      <c r="B5" s="19" t="s">
        <v>41</v>
      </c>
    </row>
    <row r="6" spans="1:4" s="19" customFormat="1" ht="36" customHeight="1" x14ac:dyDescent="0.15">
      <c r="A6" s="20"/>
    </row>
    <row r="7" spans="1:4" s="19" customFormat="1" ht="36" customHeight="1" x14ac:dyDescent="0.15">
      <c r="A7" s="20"/>
      <c r="B7" s="23"/>
      <c r="C7" s="27"/>
      <c r="D7" s="27"/>
    </row>
    <row r="8" spans="1:4" s="19" customFormat="1" ht="36" customHeight="1" x14ac:dyDescent="0.15">
      <c r="A8" s="20"/>
      <c r="B8" s="23"/>
      <c r="C8" s="27"/>
      <c r="D8" s="27"/>
    </row>
    <row r="9" spans="1:4" s="19" customFormat="1" ht="36" customHeight="1" x14ac:dyDescent="0.15">
      <c r="A9" s="20"/>
      <c r="B9" s="24"/>
      <c r="C9" s="27"/>
      <c r="D9" s="27"/>
    </row>
    <row r="10" spans="1:4" s="19" customFormat="1" ht="36" customHeight="1" x14ac:dyDescent="0.15">
      <c r="A10" s="20"/>
      <c r="B10" s="23"/>
      <c r="C10" s="27"/>
      <c r="D10" s="27"/>
    </row>
    <row r="11" spans="1:4" s="19" customFormat="1" ht="36" customHeight="1" x14ac:dyDescent="0.15">
      <c r="A11" s="20"/>
      <c r="B11" s="23"/>
      <c r="C11" s="29"/>
      <c r="D11" s="29"/>
    </row>
    <row r="12" spans="1:4" s="19" customFormat="1" ht="36" customHeight="1" x14ac:dyDescent="0.15">
      <c r="A12" s="20"/>
      <c r="B12" s="23"/>
      <c r="C12" s="27"/>
      <c r="D12" s="27"/>
    </row>
    <row r="13" spans="1:4" s="19" customFormat="1" ht="36" customHeight="1" x14ac:dyDescent="0.15">
      <c r="A13" s="20"/>
      <c r="B13" s="22"/>
      <c r="C13" s="22"/>
      <c r="D13" s="21"/>
    </row>
    <row r="14" spans="1:4" s="19" customFormat="1" ht="36" customHeight="1" x14ac:dyDescent="0.15">
      <c r="A14" s="20"/>
      <c r="B14" s="21"/>
      <c r="C14" s="21"/>
      <c r="D14" s="21"/>
    </row>
    <row r="15" spans="1:4" s="19" customFormat="1" ht="36" customHeight="1" x14ac:dyDescent="0.15">
      <c r="A15" s="20"/>
      <c r="B15" s="21"/>
      <c r="C15" s="21"/>
      <c r="D15" s="21"/>
    </row>
    <row r="16" spans="1:4" s="19" customFormat="1" ht="36" customHeight="1" x14ac:dyDescent="0.15">
      <c r="A16" s="20"/>
      <c r="B16" s="21"/>
      <c r="C16" s="21"/>
      <c r="D16" s="21"/>
    </row>
    <row r="17" spans="1:4" s="19" customFormat="1" ht="36" customHeight="1" x14ac:dyDescent="0.15">
      <c r="A17" s="20"/>
      <c r="B17" s="21"/>
      <c r="C17" s="21"/>
      <c r="D17" s="21"/>
    </row>
    <row r="18" spans="1:4" s="19" customFormat="1" ht="36" customHeight="1" x14ac:dyDescent="0.15">
      <c r="A18" s="20"/>
      <c r="B18" s="21"/>
      <c r="C18" s="21"/>
      <c r="D18" s="21"/>
    </row>
    <row r="19" spans="1:4" s="19" customFormat="1" ht="36" customHeight="1" x14ac:dyDescent="0.15">
      <c r="A19" s="20"/>
      <c r="B19" s="21"/>
      <c r="C19" s="21"/>
      <c r="D19" s="21"/>
    </row>
    <row r="20" spans="1:4" s="19" customFormat="1" ht="36" customHeight="1" x14ac:dyDescent="0.15">
      <c r="A20" s="20"/>
    </row>
    <row r="21" spans="1:4" s="19" customFormat="1" ht="36" customHeight="1" x14ac:dyDescent="0.15">
      <c r="A21" s="20"/>
    </row>
    <row r="22" spans="1:4" s="19" customFormat="1" ht="36" customHeight="1" x14ac:dyDescent="0.15">
      <c r="A22" s="20"/>
    </row>
    <row r="23" spans="1:4" s="19" customFormat="1" ht="36" customHeight="1" x14ac:dyDescent="0.15">
      <c r="A23" s="20"/>
    </row>
    <row r="24" spans="1:4" s="19" customFormat="1" ht="36" customHeight="1" x14ac:dyDescent="0.15">
      <c r="A24" s="20"/>
    </row>
    <row r="25" spans="1:4" s="19" customFormat="1" ht="36" customHeight="1" x14ac:dyDescent="0.15">
      <c r="A25" s="20"/>
    </row>
    <row r="26" spans="1:4" s="19" customFormat="1" ht="36" customHeight="1" x14ac:dyDescent="0.15">
      <c r="A26" s="20"/>
    </row>
    <row r="27" spans="1:4" s="19" customFormat="1" ht="36" customHeight="1" x14ac:dyDescent="0.15">
      <c r="A27" s="20"/>
    </row>
    <row r="28" spans="1:4" s="19" customFormat="1" ht="36" customHeight="1" x14ac:dyDescent="0.15">
      <c r="A28" s="20"/>
    </row>
    <row r="29" spans="1:4" s="19" customFormat="1" ht="36" customHeight="1" x14ac:dyDescent="0.15">
      <c r="A29" s="20"/>
    </row>
    <row r="30" spans="1:4" s="19" customFormat="1" ht="36" customHeight="1" x14ac:dyDescent="0.15">
      <c r="A30" s="20"/>
    </row>
    <row r="31" spans="1:4" s="19" customFormat="1" ht="36" customHeight="1" x14ac:dyDescent="0.15">
      <c r="A31" s="20"/>
    </row>
    <row r="32" spans="1:4" s="19" customFormat="1" ht="36" customHeight="1" x14ac:dyDescent="0.15">
      <c r="A32" s="20"/>
    </row>
    <row r="33" spans="1:1" s="19" customFormat="1" ht="36" customHeight="1" x14ac:dyDescent="0.15">
      <c r="A33" s="20"/>
    </row>
    <row r="34" spans="1:1" s="19" customFormat="1" ht="36" customHeight="1" x14ac:dyDescent="0.15">
      <c r="A34" s="20"/>
    </row>
    <row r="35" spans="1:1" s="19" customFormat="1" ht="36" customHeight="1" x14ac:dyDescent="0.15">
      <c r="A35" s="20"/>
    </row>
    <row r="36" spans="1:1" s="19" customFormat="1" ht="36" customHeight="1" x14ac:dyDescent="0.15">
      <c r="A36" s="20"/>
    </row>
    <row r="37" spans="1:1" s="19" customFormat="1" ht="36" customHeight="1" x14ac:dyDescent="0.15">
      <c r="A37" s="20"/>
    </row>
    <row r="38" spans="1:1" s="19" customFormat="1" ht="36" customHeight="1" x14ac:dyDescent="0.15">
      <c r="A38" s="20"/>
    </row>
    <row r="39" spans="1:1" s="19" customFormat="1" ht="36" customHeight="1" x14ac:dyDescent="0.15">
      <c r="A39" s="20"/>
    </row>
    <row r="40" spans="1:1" s="19" customFormat="1" ht="36" customHeight="1" x14ac:dyDescent="0.15">
      <c r="A40" s="20"/>
    </row>
    <row r="41" spans="1:1" s="17" customFormat="1" ht="36" customHeight="1" x14ac:dyDescent="0.15">
      <c r="A41" s="18"/>
    </row>
    <row r="42" spans="1:1" s="17" customFormat="1" ht="36" customHeight="1" x14ac:dyDescent="0.15">
      <c r="A42" s="18"/>
    </row>
    <row r="43" spans="1:1" s="17" customFormat="1" ht="36" customHeight="1" x14ac:dyDescent="0.15">
      <c r="A43" s="18"/>
    </row>
    <row r="44" spans="1:1" s="17" customFormat="1" ht="36" customHeight="1" x14ac:dyDescent="0.15">
      <c r="A44" s="18"/>
    </row>
    <row r="45" spans="1:1" s="17" customFormat="1" ht="36" customHeight="1" x14ac:dyDescent="0.15">
      <c r="A45" s="18"/>
    </row>
    <row r="46" spans="1:1" s="17" customFormat="1" ht="36" customHeight="1" x14ac:dyDescent="0.15">
      <c r="A46" s="18"/>
    </row>
    <row r="47" spans="1:1" s="17" customFormat="1" ht="36" customHeight="1" x14ac:dyDescent="0.15">
      <c r="A47" s="18"/>
    </row>
    <row r="48" spans="1:1" s="17" customFormat="1" ht="36" customHeight="1" x14ac:dyDescent="0.15">
      <c r="A48" s="18"/>
    </row>
    <row r="49" spans="1:1" s="17" customFormat="1" ht="36" customHeight="1" x14ac:dyDescent="0.15">
      <c r="A49" s="18"/>
    </row>
    <row r="50" spans="1:1" s="17" customFormat="1" ht="36" customHeight="1" x14ac:dyDescent="0.15">
      <c r="A50" s="18"/>
    </row>
    <row r="51" spans="1:1" s="17" customFormat="1" ht="36" customHeight="1" x14ac:dyDescent="0.15">
      <c r="A51" s="18"/>
    </row>
    <row r="52" spans="1:1" s="17" customFormat="1" ht="36" customHeight="1" x14ac:dyDescent="0.15">
      <c r="A52" s="18"/>
    </row>
    <row r="53" spans="1:1" s="17" customFormat="1" ht="36" customHeight="1" x14ac:dyDescent="0.15">
      <c r="A53" s="18"/>
    </row>
    <row r="54" spans="1:1" s="17" customFormat="1" ht="36" customHeight="1" x14ac:dyDescent="0.15">
      <c r="A54" s="18"/>
    </row>
    <row r="55" spans="1:1" s="17" customFormat="1" ht="36" customHeight="1" x14ac:dyDescent="0.15">
      <c r="A55" s="18"/>
    </row>
    <row r="56" spans="1:1" s="17" customFormat="1" ht="36" customHeight="1" x14ac:dyDescent="0.15">
      <c r="A56" s="18"/>
    </row>
    <row r="57" spans="1:1" s="17" customFormat="1" ht="24" x14ac:dyDescent="0.15">
      <c r="A57" s="18"/>
    </row>
    <row r="58" spans="1:1" s="17" customFormat="1" ht="24" x14ac:dyDescent="0.15">
      <c r="A58" s="18"/>
    </row>
    <row r="59" spans="1:1" s="17" customFormat="1" ht="24" x14ac:dyDescent="0.15">
      <c r="A59" s="18"/>
    </row>
    <row r="60" spans="1:1" s="17" customFormat="1" ht="24" x14ac:dyDescent="0.15">
      <c r="A60" s="18"/>
    </row>
    <row r="61" spans="1:1" s="17" customFormat="1" ht="24" x14ac:dyDescent="0.15">
      <c r="A61" s="18"/>
    </row>
    <row r="62" spans="1:1" s="17" customFormat="1" ht="24" x14ac:dyDescent="0.15">
      <c r="A62" s="18"/>
    </row>
    <row r="63" spans="1:1" s="17" customFormat="1" ht="24" x14ac:dyDescent="0.15">
      <c r="A63" s="18"/>
    </row>
    <row r="64" spans="1:1" s="17" customFormat="1" ht="24" x14ac:dyDescent="0.15">
      <c r="A64" s="18"/>
    </row>
    <row r="65" spans="1:1" s="17" customFormat="1" ht="24" x14ac:dyDescent="0.15">
      <c r="A65" s="18"/>
    </row>
    <row r="66" spans="1:1" s="17" customFormat="1" ht="24" x14ac:dyDescent="0.15">
      <c r="A66" s="18"/>
    </row>
    <row r="67" spans="1:1" s="17" customFormat="1" ht="24" x14ac:dyDescent="0.15">
      <c r="A67" s="18"/>
    </row>
    <row r="68" spans="1:1" s="17" customFormat="1" ht="24" x14ac:dyDescent="0.15">
      <c r="A68" s="18"/>
    </row>
    <row r="69" spans="1:1" s="17" customFormat="1" ht="24" x14ac:dyDescent="0.15">
      <c r="A69" s="18"/>
    </row>
    <row r="70" spans="1:1" s="17" customFormat="1" ht="24" x14ac:dyDescent="0.15">
      <c r="A70" s="18"/>
    </row>
    <row r="71" spans="1:1" s="17" customFormat="1" ht="24" x14ac:dyDescent="0.15">
      <c r="A71" s="18"/>
    </row>
    <row r="72" spans="1:1" s="17" customFormat="1" ht="24" x14ac:dyDescent="0.15">
      <c r="A72" s="18"/>
    </row>
    <row r="73" spans="1:1" s="17" customFormat="1" ht="24" x14ac:dyDescent="0.15">
      <c r="A73" s="18"/>
    </row>
    <row r="74" spans="1:1" s="17" customFormat="1" ht="24" x14ac:dyDescent="0.15">
      <c r="A74" s="18"/>
    </row>
    <row r="75" spans="1:1" s="17" customFormat="1" ht="24" x14ac:dyDescent="0.15">
      <c r="A75" s="18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55" zoomScaleNormal="55" zoomScaleSheetLayoutView="55" workbookViewId="0">
      <selection activeCell="L28" sqref="K28:L28"/>
    </sheetView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17" width="8.875" style="1"/>
    <col min="18" max="18" width="17.625" style="1" bestFit="1" customWidth="1"/>
    <col min="19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 x14ac:dyDescent="0.15">
      <c r="B1" s="14" t="s">
        <v>38</v>
      </c>
    </row>
    <row r="2" spans="2:15" s="2" customFormat="1" ht="22.5" customHeight="1" x14ac:dyDescent="0.15">
      <c r="B2" s="14" t="s">
        <v>39</v>
      </c>
    </row>
    <row r="3" spans="2:15" s="2" customFormat="1" ht="22.5" customHeight="1" x14ac:dyDescent="0.15">
      <c r="B3" s="14" t="s">
        <v>40</v>
      </c>
    </row>
    <row r="5" spans="2:15" x14ac:dyDescent="0.15">
      <c r="B5" s="40" t="s">
        <v>17</v>
      </c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</row>
    <row r="6" spans="2:15" ht="23.25" customHeight="1" x14ac:dyDescent="0.15"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</row>
    <row r="7" spans="2:15" x14ac:dyDescent="0.15">
      <c r="O7" s="3" t="s">
        <v>6</v>
      </c>
    </row>
    <row r="8" spans="2:15" ht="21.95" customHeight="1" x14ac:dyDescent="0.15">
      <c r="B8" s="30" t="s">
        <v>7</v>
      </c>
      <c r="C8" s="31"/>
      <c r="D8" s="31"/>
      <c r="E8" s="31"/>
      <c r="F8" s="31"/>
      <c r="G8" s="31"/>
      <c r="H8" s="32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 x14ac:dyDescent="0.15">
      <c r="B9" s="33"/>
      <c r="C9" s="34"/>
      <c r="D9" s="34"/>
      <c r="E9" s="34"/>
      <c r="F9" s="34"/>
      <c r="G9" s="34"/>
      <c r="H9" s="35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 x14ac:dyDescent="0.15">
      <c r="B10" s="7" t="s">
        <v>18</v>
      </c>
      <c r="C10" s="8"/>
      <c r="D10" s="8"/>
      <c r="E10" s="8"/>
      <c r="F10" s="8"/>
      <c r="G10" s="8"/>
      <c r="H10" s="9"/>
      <c r="I10" s="10">
        <v>41361852260</v>
      </c>
      <c r="J10" s="10">
        <v>955940594</v>
      </c>
      <c r="K10" s="10">
        <v>868078644</v>
      </c>
      <c r="L10" s="10">
        <v>41449714210</v>
      </c>
      <c r="M10" s="10">
        <v>7775310742</v>
      </c>
      <c r="N10" s="10">
        <v>322670715</v>
      </c>
      <c r="O10" s="10">
        <v>33674403468</v>
      </c>
    </row>
    <row r="11" spans="2:15" ht="21.95" customHeight="1" x14ac:dyDescent="0.15">
      <c r="B11" s="7"/>
      <c r="C11" s="8" t="s">
        <v>19</v>
      </c>
      <c r="D11" s="8"/>
      <c r="E11" s="8"/>
      <c r="F11" s="8"/>
      <c r="G11" s="8"/>
      <c r="H11" s="9"/>
      <c r="I11" s="10">
        <v>41361617860</v>
      </c>
      <c r="J11" s="10">
        <v>955706194</v>
      </c>
      <c r="K11" s="10">
        <v>867844244</v>
      </c>
      <c r="L11" s="10">
        <v>41449479810</v>
      </c>
      <c r="M11" s="10">
        <v>7775164192</v>
      </c>
      <c r="N11" s="10">
        <v>322664853</v>
      </c>
      <c r="O11" s="10">
        <v>33674315618</v>
      </c>
    </row>
    <row r="12" spans="2:15" ht="21.95" customHeight="1" x14ac:dyDescent="0.15">
      <c r="B12" s="7"/>
      <c r="C12" s="8"/>
      <c r="D12" s="8" t="s">
        <v>20</v>
      </c>
      <c r="E12" s="8"/>
      <c r="F12" s="8"/>
      <c r="G12" s="8"/>
      <c r="H12" s="9"/>
      <c r="I12" s="10">
        <v>27380034320</v>
      </c>
      <c r="J12" s="10">
        <v>0</v>
      </c>
      <c r="K12" s="10">
        <v>0</v>
      </c>
      <c r="L12" s="10">
        <v>27380034320</v>
      </c>
      <c r="M12" s="10">
        <v>0</v>
      </c>
      <c r="N12" s="10">
        <v>0</v>
      </c>
      <c r="O12" s="10">
        <v>27380034320</v>
      </c>
    </row>
    <row r="13" spans="2:15" ht="21.95" customHeight="1" x14ac:dyDescent="0.15">
      <c r="B13" s="7"/>
      <c r="C13" s="8"/>
      <c r="D13" s="8" t="s">
        <v>21</v>
      </c>
      <c r="E13" s="8"/>
      <c r="F13" s="8"/>
      <c r="G13" s="8"/>
      <c r="H13" s="9"/>
      <c r="I13" s="10">
        <v>11258695093</v>
      </c>
      <c r="J13" s="10">
        <v>164957995</v>
      </c>
      <c r="K13" s="10">
        <v>234700000</v>
      </c>
      <c r="L13" s="10">
        <v>11188953088</v>
      </c>
      <c r="M13" s="10">
        <v>5990738494</v>
      </c>
      <c r="N13" s="10">
        <v>278710219</v>
      </c>
      <c r="O13" s="10">
        <v>5198214594</v>
      </c>
    </row>
    <row r="14" spans="2:15" ht="21.95" customHeight="1" x14ac:dyDescent="0.15">
      <c r="B14" s="7"/>
      <c r="C14" s="8"/>
      <c r="D14" s="8" t="s">
        <v>22</v>
      </c>
      <c r="E14" s="8"/>
      <c r="F14" s="8"/>
      <c r="G14" s="8"/>
      <c r="H14" s="9"/>
      <c r="I14" s="10">
        <v>2722888447</v>
      </c>
      <c r="J14" s="10">
        <v>790748199</v>
      </c>
      <c r="K14" s="10">
        <v>633144244</v>
      </c>
      <c r="L14" s="10">
        <v>2880492402</v>
      </c>
      <c r="M14" s="10">
        <v>1784425698</v>
      </c>
      <c r="N14" s="10">
        <v>43954634</v>
      </c>
      <c r="O14" s="10">
        <v>1096066704</v>
      </c>
    </row>
    <row r="15" spans="2:15" ht="21.95" customHeight="1" x14ac:dyDescent="0.15">
      <c r="B15" s="7"/>
      <c r="C15" s="8"/>
      <c r="D15" s="8" t="s">
        <v>23</v>
      </c>
      <c r="E15" s="8"/>
      <c r="F15" s="8"/>
      <c r="G15" s="8"/>
      <c r="H15" s="9"/>
      <c r="I15" s="10">
        <v>0</v>
      </c>
      <c r="J15" s="10">
        <v>0</v>
      </c>
      <c r="K15" s="10">
        <v>0</v>
      </c>
      <c r="L15" s="10">
        <v>0</v>
      </c>
      <c r="M15" s="10">
        <v>0</v>
      </c>
      <c r="N15" s="10">
        <v>0</v>
      </c>
      <c r="O15" s="10">
        <v>0</v>
      </c>
    </row>
    <row r="16" spans="2:15" ht="21.95" customHeight="1" x14ac:dyDescent="0.15">
      <c r="B16" s="7"/>
      <c r="C16" s="8"/>
      <c r="D16" s="8" t="s">
        <v>24</v>
      </c>
      <c r="E16" s="8"/>
      <c r="F16" s="8"/>
      <c r="G16" s="8"/>
      <c r="H16" s="9"/>
      <c r="I16" s="10">
        <v>0</v>
      </c>
      <c r="J16" s="10">
        <v>0</v>
      </c>
      <c r="K16" s="10">
        <v>0</v>
      </c>
      <c r="L16" s="10">
        <v>0</v>
      </c>
      <c r="M16" s="10">
        <v>0</v>
      </c>
      <c r="N16" s="10">
        <v>0</v>
      </c>
      <c r="O16" s="10">
        <v>0</v>
      </c>
    </row>
    <row r="17" spans="2:15" ht="21.95" customHeight="1" x14ac:dyDescent="0.15">
      <c r="B17" s="7"/>
      <c r="C17" s="8"/>
      <c r="D17" s="8" t="s">
        <v>25</v>
      </c>
      <c r="E17" s="8"/>
      <c r="F17" s="8"/>
      <c r="G17" s="8"/>
      <c r="H17" s="9"/>
      <c r="I17" s="10">
        <v>0</v>
      </c>
      <c r="J17" s="10">
        <v>0</v>
      </c>
      <c r="K17" s="10">
        <v>0</v>
      </c>
      <c r="L17" s="10">
        <v>0</v>
      </c>
      <c r="M17" s="10">
        <v>0</v>
      </c>
      <c r="N17" s="10">
        <v>0</v>
      </c>
      <c r="O17" s="10">
        <v>0</v>
      </c>
    </row>
    <row r="18" spans="2:15" ht="21.95" customHeight="1" x14ac:dyDescent="0.15">
      <c r="B18" s="7"/>
      <c r="C18" s="8"/>
      <c r="D18" s="8" t="s">
        <v>26</v>
      </c>
      <c r="E18" s="8"/>
      <c r="F18" s="8"/>
      <c r="G18" s="8"/>
      <c r="H18" s="9"/>
      <c r="I18" s="10">
        <v>0</v>
      </c>
      <c r="J18" s="10">
        <v>0</v>
      </c>
      <c r="K18" s="10">
        <v>0</v>
      </c>
      <c r="L18" s="10">
        <v>0</v>
      </c>
      <c r="M18" s="10">
        <v>0</v>
      </c>
      <c r="N18" s="10">
        <v>0</v>
      </c>
      <c r="O18" s="10">
        <v>0</v>
      </c>
    </row>
    <row r="19" spans="2:15" ht="21.95" customHeight="1" x14ac:dyDescent="0.15">
      <c r="B19" s="11"/>
      <c r="C19" s="12" t="s">
        <v>27</v>
      </c>
      <c r="D19" s="12"/>
      <c r="E19" s="12"/>
      <c r="F19" s="12"/>
      <c r="G19" s="12"/>
      <c r="H19" s="13"/>
      <c r="I19" s="10">
        <v>234400</v>
      </c>
      <c r="J19" s="10">
        <v>234400</v>
      </c>
      <c r="K19" s="10">
        <v>234400</v>
      </c>
      <c r="L19" s="10">
        <v>234400</v>
      </c>
      <c r="M19" s="10">
        <v>146550</v>
      </c>
      <c r="N19" s="10">
        <v>5862</v>
      </c>
      <c r="O19" s="10">
        <v>87850</v>
      </c>
    </row>
    <row r="20" spans="2:15" ht="21.95" customHeight="1" x14ac:dyDescent="0.15">
      <c r="B20" s="11"/>
      <c r="C20" s="12"/>
      <c r="D20" s="12" t="s">
        <v>28</v>
      </c>
      <c r="E20" s="12"/>
      <c r="F20" s="12"/>
      <c r="G20" s="12"/>
      <c r="H20" s="13"/>
      <c r="I20" s="10">
        <v>0</v>
      </c>
      <c r="J20" s="10">
        <v>0</v>
      </c>
      <c r="K20" s="10">
        <v>0</v>
      </c>
      <c r="L20" s="10">
        <v>0</v>
      </c>
      <c r="M20" s="10">
        <v>0</v>
      </c>
      <c r="N20" s="10">
        <v>0</v>
      </c>
      <c r="O20" s="10">
        <v>0</v>
      </c>
    </row>
    <row r="21" spans="2:15" ht="21.95" customHeight="1" x14ac:dyDescent="0.15">
      <c r="B21" s="11"/>
      <c r="C21" s="12"/>
      <c r="D21" s="12" t="s">
        <v>29</v>
      </c>
      <c r="E21" s="12"/>
      <c r="F21" s="12"/>
      <c r="G21" s="12"/>
      <c r="H21" s="13"/>
      <c r="I21" s="10">
        <v>234400</v>
      </c>
      <c r="J21" s="10">
        <v>234400</v>
      </c>
      <c r="K21" s="10">
        <v>234400</v>
      </c>
      <c r="L21" s="10">
        <v>234400</v>
      </c>
      <c r="M21" s="10">
        <v>146550</v>
      </c>
      <c r="N21" s="10">
        <v>5862</v>
      </c>
      <c r="O21" s="10">
        <v>87850</v>
      </c>
    </row>
    <row r="22" spans="2:15" ht="21.95" customHeight="1" x14ac:dyDescent="0.15">
      <c r="B22" s="7" t="s">
        <v>30</v>
      </c>
      <c r="C22" s="8"/>
      <c r="D22" s="8"/>
      <c r="E22" s="8"/>
      <c r="F22" s="8"/>
      <c r="G22" s="8"/>
      <c r="H22" s="9"/>
      <c r="I22" s="10">
        <v>0</v>
      </c>
      <c r="J22" s="10">
        <v>0</v>
      </c>
      <c r="K22" s="10">
        <v>0</v>
      </c>
      <c r="L22" s="10">
        <v>0</v>
      </c>
      <c r="M22" s="10">
        <v>0</v>
      </c>
      <c r="N22" s="10">
        <v>0</v>
      </c>
      <c r="O22" s="10">
        <v>0</v>
      </c>
    </row>
    <row r="23" spans="2:15" ht="21.95" customHeight="1" x14ac:dyDescent="0.15">
      <c r="B23" s="7"/>
      <c r="C23" s="8" t="s">
        <v>31</v>
      </c>
      <c r="D23" s="8"/>
      <c r="E23" s="8"/>
      <c r="F23" s="8"/>
      <c r="G23" s="8"/>
      <c r="H23" s="9"/>
      <c r="I23" s="10">
        <v>0</v>
      </c>
      <c r="J23" s="10">
        <v>0</v>
      </c>
      <c r="K23" s="10">
        <v>0</v>
      </c>
      <c r="L23" s="10">
        <v>0</v>
      </c>
      <c r="M23" s="10">
        <v>0</v>
      </c>
      <c r="N23" s="10">
        <v>0</v>
      </c>
      <c r="O23" s="10">
        <v>0</v>
      </c>
    </row>
    <row r="24" spans="2:15" ht="21.95" customHeight="1" x14ac:dyDescent="0.15">
      <c r="B24" s="7"/>
      <c r="C24" s="8"/>
      <c r="D24" s="8" t="s">
        <v>20</v>
      </c>
      <c r="E24" s="8"/>
      <c r="F24" s="8"/>
      <c r="G24" s="8"/>
      <c r="H24" s="9"/>
      <c r="I24" s="10">
        <v>0</v>
      </c>
      <c r="J24" s="10">
        <v>0</v>
      </c>
      <c r="K24" s="10">
        <v>0</v>
      </c>
      <c r="L24" s="10">
        <v>0</v>
      </c>
      <c r="M24" s="10">
        <v>0</v>
      </c>
      <c r="N24" s="10">
        <v>0</v>
      </c>
      <c r="O24" s="10">
        <v>0</v>
      </c>
    </row>
    <row r="25" spans="2:15" ht="21.95" customHeight="1" x14ac:dyDescent="0.15">
      <c r="B25" s="7"/>
      <c r="C25" s="8"/>
      <c r="D25" s="8" t="s">
        <v>21</v>
      </c>
      <c r="E25" s="8"/>
      <c r="F25" s="8"/>
      <c r="G25" s="8"/>
      <c r="H25" s="9"/>
      <c r="I25" s="10">
        <v>0</v>
      </c>
      <c r="J25" s="10">
        <v>0</v>
      </c>
      <c r="K25" s="10">
        <v>0</v>
      </c>
      <c r="L25" s="10">
        <v>0</v>
      </c>
      <c r="M25" s="10">
        <v>0</v>
      </c>
      <c r="N25" s="10">
        <v>0</v>
      </c>
      <c r="O25" s="10">
        <v>0</v>
      </c>
    </row>
    <row r="26" spans="2:15" ht="21.95" customHeight="1" x14ac:dyDescent="0.15">
      <c r="B26" s="7"/>
      <c r="C26" s="8"/>
      <c r="D26" s="8" t="s">
        <v>22</v>
      </c>
      <c r="E26" s="8"/>
      <c r="F26" s="8"/>
      <c r="G26" s="8"/>
      <c r="H26" s="9"/>
      <c r="I26" s="10">
        <v>0</v>
      </c>
      <c r="J26" s="10">
        <v>0</v>
      </c>
      <c r="K26" s="10">
        <v>0</v>
      </c>
      <c r="L26" s="10">
        <v>0</v>
      </c>
      <c r="M26" s="10">
        <v>0</v>
      </c>
      <c r="N26" s="10">
        <v>0</v>
      </c>
      <c r="O26" s="10">
        <v>0</v>
      </c>
    </row>
    <row r="27" spans="2:15" ht="21.95" customHeight="1" x14ac:dyDescent="0.15">
      <c r="B27" s="11"/>
      <c r="C27" s="12" t="s">
        <v>32</v>
      </c>
      <c r="D27" s="12"/>
      <c r="E27" s="12"/>
      <c r="F27" s="12"/>
      <c r="G27" s="12"/>
      <c r="H27" s="13"/>
      <c r="I27" s="10">
        <v>0</v>
      </c>
      <c r="J27" s="10">
        <v>0</v>
      </c>
      <c r="K27" s="10">
        <v>0</v>
      </c>
      <c r="L27" s="10">
        <v>0</v>
      </c>
      <c r="M27" s="10">
        <v>0</v>
      </c>
      <c r="N27" s="10">
        <v>0</v>
      </c>
      <c r="O27" s="10">
        <v>0</v>
      </c>
    </row>
    <row r="28" spans="2:15" ht="21.95" customHeight="1" x14ac:dyDescent="0.15">
      <c r="B28" s="11"/>
      <c r="C28" s="12"/>
      <c r="D28" s="12" t="s">
        <v>28</v>
      </c>
      <c r="E28" s="12"/>
      <c r="F28" s="12"/>
      <c r="G28" s="12"/>
      <c r="H28" s="13"/>
      <c r="I28" s="10">
        <v>0</v>
      </c>
      <c r="J28" s="10">
        <v>0</v>
      </c>
      <c r="K28" s="10">
        <v>0</v>
      </c>
      <c r="L28" s="10">
        <v>0</v>
      </c>
      <c r="M28" s="10">
        <v>0</v>
      </c>
      <c r="N28" s="10">
        <v>0</v>
      </c>
      <c r="O28" s="10">
        <v>0</v>
      </c>
    </row>
    <row r="29" spans="2:15" ht="21.95" customHeight="1" x14ac:dyDescent="0.15">
      <c r="B29" s="11"/>
      <c r="C29" s="12"/>
      <c r="D29" s="12" t="s">
        <v>29</v>
      </c>
      <c r="E29" s="12"/>
      <c r="F29" s="12"/>
      <c r="G29" s="12"/>
      <c r="H29" s="13"/>
      <c r="I29" s="10">
        <v>0</v>
      </c>
      <c r="J29" s="10">
        <v>0</v>
      </c>
      <c r="K29" s="10">
        <v>0</v>
      </c>
      <c r="L29" s="10">
        <v>0</v>
      </c>
      <c r="M29" s="10">
        <v>0</v>
      </c>
      <c r="N29" s="10">
        <v>0</v>
      </c>
      <c r="O29" s="10">
        <v>0</v>
      </c>
    </row>
    <row r="30" spans="2:15" ht="21.95" customHeight="1" x14ac:dyDescent="0.15">
      <c r="B30" s="7" t="s">
        <v>33</v>
      </c>
      <c r="C30" s="8"/>
      <c r="D30" s="8"/>
      <c r="E30" s="8"/>
      <c r="F30" s="8"/>
      <c r="G30" s="8"/>
      <c r="H30" s="9"/>
      <c r="I30" s="10">
        <v>298418050</v>
      </c>
      <c r="J30" s="10">
        <v>34209982</v>
      </c>
      <c r="K30" s="10">
        <v>13403400</v>
      </c>
      <c r="L30" s="10">
        <v>319224632</v>
      </c>
      <c r="M30" s="10">
        <v>199576102</v>
      </c>
      <c r="N30" s="10">
        <v>18986642</v>
      </c>
      <c r="O30" s="10">
        <v>119648530</v>
      </c>
    </row>
    <row r="31" spans="2:15" ht="21.95" customHeight="1" x14ac:dyDescent="0.15">
      <c r="B31" s="7" t="s">
        <v>34</v>
      </c>
      <c r="C31" s="8"/>
      <c r="D31" s="8"/>
      <c r="E31" s="8"/>
      <c r="F31" s="8"/>
      <c r="G31" s="8"/>
      <c r="H31" s="9"/>
      <c r="I31" s="10">
        <v>0</v>
      </c>
      <c r="J31" s="10">
        <v>0</v>
      </c>
      <c r="K31" s="10">
        <v>0</v>
      </c>
      <c r="L31" s="10">
        <v>0</v>
      </c>
      <c r="M31" s="10">
        <v>0</v>
      </c>
      <c r="N31" s="10">
        <v>0</v>
      </c>
      <c r="O31" s="10">
        <v>0</v>
      </c>
    </row>
    <row r="32" spans="2:15" ht="21.95" customHeight="1" x14ac:dyDescent="0.15">
      <c r="B32" s="11" t="s">
        <v>35</v>
      </c>
      <c r="C32" s="12"/>
      <c r="D32" s="12"/>
      <c r="E32" s="12"/>
      <c r="F32" s="12"/>
      <c r="G32" s="12"/>
      <c r="H32" s="13"/>
      <c r="I32" s="10">
        <v>0</v>
      </c>
      <c r="J32" s="10">
        <v>0</v>
      </c>
      <c r="K32" s="10">
        <v>0</v>
      </c>
      <c r="L32" s="10">
        <v>0</v>
      </c>
      <c r="M32" s="10">
        <v>0</v>
      </c>
      <c r="N32" s="10">
        <v>0</v>
      </c>
      <c r="O32" s="10">
        <v>0</v>
      </c>
    </row>
    <row r="33" spans="2:15" ht="21.95" customHeight="1" x14ac:dyDescent="0.15">
      <c r="B33" s="11" t="s">
        <v>36</v>
      </c>
      <c r="C33" s="12"/>
      <c r="D33" s="12"/>
      <c r="E33" s="12"/>
      <c r="F33" s="12"/>
      <c r="G33" s="12"/>
      <c r="H33" s="13"/>
      <c r="I33" s="10">
        <v>0</v>
      </c>
      <c r="J33" s="10">
        <f>646563678-221624240</f>
        <v>424939438</v>
      </c>
      <c r="K33" s="10">
        <f>643187598-221624240</f>
        <v>421563358</v>
      </c>
      <c r="L33" s="10">
        <v>3376080</v>
      </c>
      <c r="M33" s="10">
        <v>0</v>
      </c>
      <c r="N33" s="10">
        <v>0</v>
      </c>
      <c r="O33" s="10">
        <v>3376080</v>
      </c>
    </row>
    <row r="34" spans="2:15" ht="21.95" customHeight="1" x14ac:dyDescent="0.15">
      <c r="B34" s="11" t="s">
        <v>37</v>
      </c>
      <c r="C34" s="12"/>
      <c r="D34" s="12"/>
      <c r="E34" s="12"/>
      <c r="F34" s="12"/>
      <c r="G34" s="12"/>
      <c r="H34" s="13"/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</row>
    <row r="35" spans="2:15" ht="21.95" customHeight="1" x14ac:dyDescent="0.15">
      <c r="B35" s="36" t="s">
        <v>16</v>
      </c>
      <c r="C35" s="37"/>
      <c r="D35" s="37"/>
      <c r="E35" s="37"/>
      <c r="F35" s="37"/>
      <c r="G35" s="37"/>
      <c r="H35" s="38"/>
      <c r="I35" s="10">
        <v>41660270310</v>
      </c>
      <c r="J35" s="10">
        <f>1636714254-221624240</f>
        <v>1415090014</v>
      </c>
      <c r="K35" s="10">
        <f>1524669642-221624240</f>
        <v>1303045402</v>
      </c>
      <c r="L35" s="10">
        <v>41772314922</v>
      </c>
      <c r="M35" s="10">
        <v>7974886844</v>
      </c>
      <c r="N35" s="10">
        <v>341657357</v>
      </c>
      <c r="O35" s="10">
        <v>33797428078</v>
      </c>
    </row>
    <row r="36" spans="2:15" ht="12" customHeight="1" x14ac:dyDescent="0.15"/>
    <row r="37" spans="2:15" ht="21.95" customHeight="1" x14ac:dyDescent="0.15">
      <c r="B37" s="39"/>
      <c r="C37" s="39"/>
      <c r="D37" s="39"/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7:19:53Z</dcterms:created>
  <dcterms:modified xsi:type="dcterms:W3CDTF">2019-12-20T07:20:44Z</dcterms:modified>
</cp:coreProperties>
</file>